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oer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89059FA8-F2FE-C0EF-A47A-71A62DEBF60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6251" y="4702629"/>
            <a:ext cx="1872381" cy="189859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C490C98B-7616-612F-F48B-FA6530F7ED8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8968" y="3501570"/>
            <a:ext cx="1858657" cy="188467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3</cp:revision>
  <dcterms:created xsi:type="dcterms:W3CDTF">2019-07-30T10:24:44Z</dcterms:created>
  <dcterms:modified xsi:type="dcterms:W3CDTF">2024-02-15T07:08:09Z</dcterms:modified>
</cp:coreProperties>
</file>